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530"/>
  <workbookPr filterPrivacy="1"/>
  <xr:revisionPtr revIDLastSave="0" documentId="8_{A4D55363-CE2C-4253-A282-47BF8FF2002F}" xr6:coauthVersionLast="47" xr6:coauthVersionMax="47" xr10:uidLastSave="{00000000-0000-0000-0000-000000000000}"/>
  <bookViews>
    <workbookView xWindow="-120" yWindow="-120" windowWidth="38640" windowHeight="21120" activeTab="1" xr2:uid="{00000000-000D-0000-FFFF-FFFF00000000}"/>
  </bookViews>
  <sheets>
    <sheet name="Naslovnica" sheetId="2" r:id="rId1"/>
    <sheet name="Standard Plus krovni prozori" sheetId="1" r:id="rId2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42" uniqueCount="28">
  <si>
    <t>Redni broj</t>
  </si>
  <si>
    <t>Opis stavke</t>
  </si>
  <si>
    <t>Jedinica mjere</t>
  </si>
  <si>
    <t>kom.</t>
  </si>
  <si>
    <t>Potrebne mjere provjeriti na licu mjesta. Ugradnju izvršiti prema uputstvima proizvođača.</t>
  </si>
  <si>
    <t>VELUX rješenja</t>
  </si>
  <si>
    <r>
      <t xml:space="preserve">Obzirom da je krovne prozore moguće ugraditi pojedinačno ili grupno na različite vrste pokrova i s različitim modelima vanjskih i unutarnjih sjenila, </t>
    </r>
    <r>
      <rPr>
        <b/>
        <sz val="10"/>
        <color theme="1"/>
        <rFont val="VELUX Transform Office"/>
      </rPr>
      <t>u opisima su navedene gotovo sve mogućnosti, pa ono što vam nije potrebno - izbrišite.</t>
    </r>
    <r>
      <rPr>
        <sz val="10"/>
        <color theme="1"/>
        <rFont val="VELUX Transform Office"/>
      </rPr>
      <t xml:space="preserve"> </t>
    </r>
  </si>
  <si>
    <t>Opisi sjenila dodani su iza opisa prozora.</t>
  </si>
  <si>
    <t>Ukoliko zatrebate stavke troškovnika za specijalne proizvode, utoliko Vas molimo da nas kontaktirate.</t>
  </si>
  <si>
    <t xml:space="preserve">Molimo vas da izbrišete opcije označene crveno koje vam nisu potrebne! </t>
  </si>
  <si>
    <t xml:space="preserve">Prije izvođenja konstrukcije treba provjeriti upute za ugradnju proizvođača sustava za ravni krov s kupolom.	</t>
  </si>
  <si>
    <r>
      <t>U nastavku se nalaze opisi pojedinih VELUX rješenja (</t>
    </r>
    <r>
      <rPr>
        <b/>
        <sz val="10"/>
        <color theme="1"/>
        <rFont val="VELUX Transform Office"/>
      </rPr>
      <t>druga stranica u ovoj datoteci</t>
    </r>
    <r>
      <rPr>
        <sz val="10"/>
        <color theme="1"/>
        <rFont val="VELUX Transform Office"/>
      </rPr>
      <t>).</t>
    </r>
  </si>
  <si>
    <t>GLU (Energetsko staklo –61)</t>
  </si>
  <si>
    <r>
      <t xml:space="preserve">Dobava i ugradnja krovnog prozora dimenzija ---x--- cm, kao VELUX GLU, drvena jezgra obložena poliuretanskim slojem, završni sloj je poliuretanski bijeli lak, izvana pokrovni profili od antracit-sivo bojanog aluminija (kao RAL Classic 7043), središnji ovjes, ručka za otvaranje s gornje strane, dvostruko brtvljenje, trostruko energetsko kaljeno staklo (4mm toplinski ojačano + 15mm argon + 3mm float staklo + 15mm argon + 3mm vanjsko kaljeno), Upr=1.1 W/m2K (Ust=0.6 W/m2K), Rpr=32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</t>
    </r>
    <r>
      <rPr>
        <sz val="10"/>
        <color rgb="FFFF0000"/>
        <rFont val="VELUX Transform Office"/>
      </rPr>
      <t>vanjska tenda/roleta</t>
    </r>
    <r>
      <rPr>
        <sz val="10"/>
        <color theme="1"/>
        <rFont val="VELUX Transform Office"/>
        <family val="2"/>
      </rPr>
      <t xml:space="preserve"> (dodati opis sjenila).</t>
    </r>
  </si>
  <si>
    <t>GLU B (Energetsko staklo –61)</t>
  </si>
  <si>
    <r>
      <t xml:space="preserve">Dobava i ugradnja krovnog prozora dimenzija ---x--- cm, kao VELUX GLU B, drvena jezgra obložena poliuretanskim slojem, završni sloj je poliuretanski bijeli lak, izvana pokrovni profili od antracit-sivo bojanog aluminija (kao RAL Classic 7043), središnji ovjes, ručka za otvaranje s donje strane, otvor za provjetravanje u gornjem djelu krila prozora, dvostruko brtvljenje, trostruko energetsko kaljeno staklo (4mm toplinski ojačano + 15mm argon + 3mm float staklo + 15mm argon + 3mm vanjsko kaljeno), Upr=1.1 W/m2K (Ust=0.6 W/m2K), Rpr=32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</t>
    </r>
    <r>
      <rPr>
        <sz val="10"/>
        <color rgb="FFFF0000"/>
        <rFont val="VELUX Transform Office"/>
      </rPr>
      <t>vanjska tenda/roleta</t>
    </r>
    <r>
      <rPr>
        <sz val="10"/>
        <color theme="1"/>
        <rFont val="VELUX Transform Office"/>
        <family val="2"/>
      </rPr>
      <t xml:space="preserve"> (dodati opis sjenila).</t>
    </r>
  </si>
  <si>
    <t>GLL  (Energetsko staklo –61)</t>
  </si>
  <si>
    <r>
      <t xml:space="preserve">Dobava i ugradnja krovnog prozora dimenzija ---x--- cm, kao VELUX GLU, laminirano drvo zaštićeno bezbojnim lakom, izvana pokrovni profili od antracit-sivo bojanog aluminija (kao RAL Classic 7043), središnji ovjes, ručka za otvaranje s gornje strane, dvostruko brtvljenje, trostruko energetsko kaljeno staklo (4mm toplinski ojačano + 15mm argon + 3mm float staklo + 15mm argon + 3mm vanjsko kaljeno), Upr=1.1 W/m2K (Ust=0.6 W/m2K), Rpr=32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</t>
    </r>
    <r>
      <rPr>
        <sz val="10"/>
        <color rgb="FFFF0000"/>
        <rFont val="VELUX Transform Office"/>
      </rPr>
      <t xml:space="preserve"> ravni/profilirani </t>
    </r>
    <r>
      <rPr>
        <sz val="10"/>
        <color theme="1"/>
        <rFont val="VELUX Transform Office"/>
        <family val="2"/>
      </rPr>
      <t xml:space="preserve">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</t>
    </r>
    <r>
      <rPr>
        <sz val="10"/>
        <color rgb="FFFF0000"/>
        <rFont val="VELUX Transform Office"/>
      </rPr>
      <t>vanjska tenda/roleta</t>
    </r>
    <r>
      <rPr>
        <sz val="10"/>
        <color theme="1"/>
        <rFont val="VELUX Transform Office"/>
        <family val="2"/>
      </rPr>
      <t xml:space="preserve"> (dodati opis sjenila).</t>
    </r>
  </si>
  <si>
    <t>GLL B (Energetsko staklo –61)</t>
  </si>
  <si>
    <r>
      <t xml:space="preserve">Dobava i ugradnja krovnog prozora dimenzija ---x--- cm, kao VELUX GLU B, laminirano drvo zaštićeno bezbojnim lakom, izvana pokrovni profili od antracit-sivo bojanog aluminija (kao RAL Classic 7043), središnji ovjes, ručka za otvaranje s donje strane, otvor za provjetravanje u gornjem djelu krila prozora, dvostruko brtvljenje, trostruko energetsko kaljeno staklo (4mm toplinski ojačano + 15mm argon + 3mm float staklo + 15mm argon + 3mm vanjsko kaljeno), Upr=1.1 W/m2K (Ust=0.6 W/m2K), Rpr=32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 xml:space="preserve">ravni/profilirani </t>
    </r>
    <r>
      <rPr>
        <sz val="10"/>
        <color theme="1"/>
        <rFont val="VELUX Transform Office"/>
        <family val="2"/>
      </rPr>
      <t xml:space="preserve">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</t>
    </r>
    <r>
      <rPr>
        <sz val="10"/>
        <color rgb="FFFF0000"/>
        <rFont val="VELUX Transform Office"/>
      </rPr>
      <t>vanjska tenda/roleta</t>
    </r>
    <r>
      <rPr>
        <sz val="10"/>
        <color theme="1"/>
        <rFont val="VELUX Transform Office"/>
        <family val="2"/>
      </rPr>
      <t xml:space="preserve"> (dodati opis sjenila).</t>
    </r>
  </si>
  <si>
    <t>GLL 21 (Energetsko staklo --61)</t>
  </si>
  <si>
    <r>
      <t xml:space="preserve">Dobava i ugradnja krovnog prozora dimenzija ---x--- cm, kao VELUX GLL 21, laminirano drvo zaštićeno bezbojnim lakom, izvana pokrovni profili od antracit-sivo bojanog aluminija (kao RAL Classic 7043), središnji ovjes, ručka za otvaranje s gornje strane, ventilacijski preklop, dvostruko brtvljenje, trostruko energetsko kaljeno staklo (4mm toplinski ojačano + 15mm argon + 3mm float staklo + 15mm argon + 3mm vanjsko kaljeno), Upr=1.1 W/m2K (Ust=0.6 W/m2K), Rpr=32 dB, unaprijed ugrađena električna oprema (elektro-motor, transformator, senzor za kišu, unaprijed konfigurirani zidni prekidač za daljinsko upravljanje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 xml:space="preserve">ravni/profilirani </t>
    </r>
    <r>
      <rPr>
        <sz val="10"/>
        <color theme="1"/>
        <rFont val="VELUX Transform Office"/>
        <family val="2"/>
      </rPr>
      <t xml:space="preserve">pokrov; unutarnje </t>
    </r>
    <r>
      <rPr>
        <sz val="10"/>
        <color rgb="FFFF0000"/>
        <rFont val="VELUX Transform Office"/>
      </rPr>
      <t xml:space="preserve">rolo/žaluzina/plisirano </t>
    </r>
    <r>
      <rPr>
        <sz val="10"/>
        <color theme="1"/>
        <rFont val="VELUX Transform Office"/>
        <family val="2"/>
      </rPr>
      <t xml:space="preserve">sjenilo s unaprijed ugrađenim elektromotorom; </t>
    </r>
    <r>
      <rPr>
        <sz val="10"/>
        <color rgb="FFFF0000"/>
        <rFont val="VELUX Transform Office"/>
      </rPr>
      <t xml:space="preserve">vanjska tenda/roleta </t>
    </r>
    <r>
      <rPr>
        <sz val="10"/>
        <color theme="1"/>
        <rFont val="VELUX Transform Office"/>
        <family val="2"/>
      </rPr>
      <t>s unaprijed ugrađenim elektromotorom (dodati opis sjenila).</t>
    </r>
  </si>
  <si>
    <t>GLL 30 (Energetsko staklo --61)</t>
  </si>
  <si>
    <r>
      <t xml:space="preserve">Dobava i ugradnja krovnog prozora dimenzija ---x--- cm, kao VELUX GLL 30, laminirano drvo zaštićeno bezbojnim lakom, izvana pokrovni profili od antracit-sivo bojanog aluminija (kao RAL Classic 7043), središnji ovjes, ručka za otvaranje s gornje strane, ventilacijski preklop, dvostruko brtvljenje, trostruko energetsko zvučno izolacijsko staklo (4mm toplinski ojačano + 15mm argon + 3mm float staklo + 15mm argon + 3mm vanjsko kaljeno), Upr=1.1 W/m2K (Ust=0.6 W/m2K), Rpr=32 dB, unaprijed ugrađena solarna oprema (elektro-motor, solarni panel, senzor za kišu, unaprijed konfigurirani zidni prekidač za daljinsko upravljanje, integrirana baterija visokih performansi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 s unaprijed ugrađenim elektromotorom; </t>
    </r>
    <r>
      <rPr>
        <sz val="10"/>
        <color rgb="FFFF0000"/>
        <rFont val="VELUX Transform Office"/>
      </rPr>
      <t>vanjska tenda/roleta</t>
    </r>
    <r>
      <rPr>
        <sz val="10"/>
        <color theme="1"/>
        <rFont val="VELUX Transform Office"/>
        <family val="2"/>
      </rPr>
      <t xml:space="preserve"> s unaprijed ugrađenim elektromotorom (dodati opis sjenila).</t>
    </r>
  </si>
  <si>
    <t>GLU 21 (Energetsko staklo --61)</t>
  </si>
  <si>
    <r>
      <t xml:space="preserve">Dobava i ugradnja krovnog prozora dimenzija ---x--- cm, kao VELUX GLU 21, drvena jezgra obložena poliuretanskim slojem, završni sloj je poliuretanski bijeli lak, izvana pokrovni profili od antracit-sivo bojanog aluminija (kao RAL Classic 7043), središnji ovjes, ručka za otvaranje s gornje strane, ventilacijski preklop, dvostruko brtvljenje, trostruko energetsko kaljeno staklo (4mm toplinski ojačano + 15mm argon + 3mm float staklo + 15mm argon + 3mm vanjsko kaljeno), Upr=1.1 W/m2K (Ust=0.6 W/m2K), Rpr=32 dB, unaprijed ugrađena električna oprema (elektro-motor, transformator, senzor za kišu, unaprijed konfigurirani zidni prekidač za daljinsko upravljanje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 s unaprijed ugrađenim elektromotorom; </t>
    </r>
    <r>
      <rPr>
        <sz val="10"/>
        <color rgb="FFFF0000"/>
        <rFont val="VELUX Transform Office"/>
      </rPr>
      <t>vanjska tenda/roleta</t>
    </r>
    <r>
      <rPr>
        <sz val="10"/>
        <color theme="1"/>
        <rFont val="VELUX Transform Office"/>
        <family val="2"/>
      </rPr>
      <t xml:space="preserve"> s unaprijed ugrađenim elektromotorom (dodati opis sjenila).</t>
    </r>
  </si>
  <si>
    <t>GLU 30 (Energetsko staklo --61)</t>
  </si>
  <si>
    <r>
      <t xml:space="preserve">Dobava i ugradnja krovnog prozora dimenzija ---x--- cm, kao VELUX GLU 30, drvena jezgra obložena poliuretanskim slojem, završni sloj je poliuretanski bijeli lak, izvana pokrovni profili od antracit-sivo bojanog aluminija (kao RAL Classic 7043), središnji ovjes, ručka za otvaranje s gornje strane, ventilacijski preklop, dvostruko brtvljenje, trostruko energetsko zvučno izolacijsko staklo (4mm toplinski ojačano + 15mm argon + 3mm float staklo + 15mm argon + 3mm vanjsko kaljeno), Upr=1.1 W/m2K (Ust=0.6 W/m2K), Rpr=32 dB, unaprijed ugrađena solarna oprema (elektro-motor, solarni panel, senzor za kišu, unaprijed konfigurirani zidni prekidač za daljinsko upravljanje, integrirana baterija visokih performansi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 s unaprijed ugrađenim elektromotorom; </t>
    </r>
    <r>
      <rPr>
        <sz val="10"/>
        <color rgb="FFFF0000"/>
        <rFont val="VELUX Transform Office"/>
      </rPr>
      <t xml:space="preserve">vanjska tenda/roleta </t>
    </r>
    <r>
      <rPr>
        <sz val="10"/>
        <color theme="1"/>
        <rFont val="VELUX Transform Office"/>
        <family val="2"/>
      </rPr>
      <t>s unaprijed ugrađenim elektromotorom (dodati opis sjenila).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2" x14ac:knownFonts="1">
    <font>
      <sz val="11"/>
      <color theme="1"/>
      <name val="Aptos Narrow"/>
      <family val="2"/>
      <scheme val="minor"/>
    </font>
    <font>
      <b/>
      <sz val="11"/>
      <color theme="1"/>
      <name val="VELUX Transform Office"/>
    </font>
    <font>
      <sz val="10"/>
      <color theme="1"/>
      <name val="VELUX Transform Office"/>
    </font>
    <font>
      <sz val="10"/>
      <color rgb="FFFF0000"/>
      <name val="VELUX Transform Office"/>
    </font>
    <font>
      <sz val="10"/>
      <color theme="1"/>
      <name val="VELUX Transform Office"/>
      <family val="2"/>
    </font>
    <font>
      <sz val="10"/>
      <color rgb="FF000000"/>
      <name val="VELUX Transform Office"/>
    </font>
    <font>
      <b/>
      <sz val="12"/>
      <color theme="1"/>
      <name val="VELUX Transform Office"/>
    </font>
    <font>
      <sz val="10"/>
      <color theme="1"/>
      <name val="Verdana"/>
      <family val="2"/>
    </font>
    <font>
      <b/>
      <sz val="10"/>
      <color theme="1"/>
      <name val="VELUX Transform Office"/>
    </font>
    <font>
      <sz val="10"/>
      <color rgb="FF000000"/>
      <name val="Verdana"/>
      <family val="2"/>
    </font>
    <font>
      <sz val="11"/>
      <color rgb="FFFF0000"/>
      <name val="Verdana"/>
      <family val="2"/>
    </font>
    <font>
      <i/>
      <u/>
      <sz val="12"/>
      <color rgb="FFFF0000"/>
      <name val="VELUX Transform Office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14">
    <xf numFmtId="0" fontId="0" fillId="0" borderId="0" xfId="0"/>
    <xf numFmtId="0" fontId="1" fillId="0" borderId="0" xfId="0" applyFont="1" applyAlignment="1">
      <alignment vertical="center"/>
    </xf>
    <xf numFmtId="0" fontId="4" fillId="0" borderId="0" xfId="0" applyFont="1" applyAlignment="1">
      <alignment horizontal="right"/>
    </xf>
    <xf numFmtId="0" fontId="4" fillId="0" borderId="0" xfId="0" applyFont="1" applyAlignment="1">
      <alignment vertical="top" wrapText="1"/>
    </xf>
    <xf numFmtId="0" fontId="1" fillId="0" borderId="0" xfId="0" applyFont="1"/>
    <xf numFmtId="0" fontId="4" fillId="0" borderId="0" xfId="0" applyFont="1" applyAlignment="1">
      <alignment wrapText="1"/>
    </xf>
    <xf numFmtId="0" fontId="5" fillId="0" borderId="0" xfId="0" applyFont="1" applyAlignment="1">
      <alignment vertical="top" wrapText="1"/>
    </xf>
    <xf numFmtId="0" fontId="6" fillId="0" borderId="0" xfId="0" applyFont="1"/>
    <xf numFmtId="0" fontId="2" fillId="0" borderId="0" xfId="0" applyFont="1" applyAlignment="1">
      <alignment vertical="center"/>
    </xf>
    <xf numFmtId="0" fontId="7" fillId="0" borderId="0" xfId="0" applyFont="1" applyAlignment="1">
      <alignment vertical="center"/>
    </xf>
    <xf numFmtId="0" fontId="2" fillId="0" borderId="0" xfId="0" applyFont="1" applyAlignment="1">
      <alignment vertical="center" wrapText="1"/>
    </xf>
    <xf numFmtId="0" fontId="9" fillId="0" borderId="0" xfId="0" applyFont="1" applyAlignment="1">
      <alignment vertical="center"/>
    </xf>
    <xf numFmtId="0" fontId="10" fillId="0" borderId="0" xfId="0" applyFont="1" applyAlignment="1">
      <alignment vertical="center"/>
    </xf>
    <xf numFmtId="0" fontId="11" fillId="0" borderId="0" xfId="0" applyFont="1" applyAlignment="1">
      <alignment vertical="center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5726FB9-F434-40F1-B960-A148F6D815BE}">
  <dimension ref="A1:A12"/>
  <sheetViews>
    <sheetView workbookViewId="0">
      <selection activeCell="B13" sqref="B13"/>
    </sheetView>
  </sheetViews>
  <sheetFormatPr defaultRowHeight="15" x14ac:dyDescent="0.25"/>
  <cols>
    <col min="1" max="1" width="78.140625" customWidth="1"/>
  </cols>
  <sheetData>
    <row r="1" spans="1:1" ht="18.75" x14ac:dyDescent="0.35">
      <c r="A1" s="7" t="s">
        <v>5</v>
      </c>
    </row>
    <row r="3" spans="1:1" x14ac:dyDescent="0.25">
      <c r="A3" s="8" t="s">
        <v>11</v>
      </c>
    </row>
    <row r="4" spans="1:1" x14ac:dyDescent="0.25">
      <c r="A4" s="9"/>
    </row>
    <row r="5" spans="1:1" ht="42.75" x14ac:dyDescent="0.25">
      <c r="A5" s="10" t="s">
        <v>6</v>
      </c>
    </row>
    <row r="6" spans="1:1" x14ac:dyDescent="0.25">
      <c r="A6" s="8" t="s">
        <v>7</v>
      </c>
    </row>
    <row r="7" spans="1:1" x14ac:dyDescent="0.25">
      <c r="A7" s="11"/>
    </row>
    <row r="8" spans="1:1" ht="28.5" x14ac:dyDescent="0.25">
      <c r="A8" s="10" t="s">
        <v>8</v>
      </c>
    </row>
    <row r="9" spans="1:1" x14ac:dyDescent="0.25">
      <c r="A9" s="12"/>
    </row>
    <row r="10" spans="1:1" ht="18.75" x14ac:dyDescent="0.25">
      <c r="A10" s="13" t="s">
        <v>9</v>
      </c>
    </row>
    <row r="12" spans="1:1" ht="28.5" x14ac:dyDescent="0.25">
      <c r="A12" s="5" t="s">
        <v>10</v>
      </c>
    </row>
  </sheetData>
  <pageMargins left="0.7" right="0.7" top="0.75" bottom="0.75" header="0.3" footer="0.3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C32"/>
  <sheetViews>
    <sheetView tabSelected="1" workbookViewId="0">
      <selection activeCell="C7" sqref="C7"/>
    </sheetView>
  </sheetViews>
  <sheetFormatPr defaultRowHeight="15" x14ac:dyDescent="0.25"/>
  <cols>
    <col min="1" max="1" width="11.7109375" bestFit="1" customWidth="1"/>
    <col min="2" max="2" width="55.7109375" customWidth="1"/>
    <col min="3" max="3" width="15.85546875" bestFit="1" customWidth="1"/>
  </cols>
  <sheetData>
    <row r="1" spans="1:3" x14ac:dyDescent="0.25">
      <c r="A1" t="s">
        <v>0</v>
      </c>
      <c r="B1" t="s">
        <v>1</v>
      </c>
      <c r="C1" t="s">
        <v>2</v>
      </c>
    </row>
    <row r="2" spans="1:3" ht="18" x14ac:dyDescent="0.35">
      <c r="A2" s="4">
        <v>1</v>
      </c>
      <c r="B2" s="4" t="s">
        <v>12</v>
      </c>
    </row>
    <row r="3" spans="1:3" ht="185.25" x14ac:dyDescent="0.25">
      <c r="B3" s="3" t="s">
        <v>13</v>
      </c>
      <c r="C3" s="2" t="s">
        <v>3</v>
      </c>
    </row>
    <row r="4" spans="1:3" ht="28.5" x14ac:dyDescent="0.25">
      <c r="B4" s="3" t="s">
        <v>4</v>
      </c>
    </row>
    <row r="6" spans="1:3" ht="18" x14ac:dyDescent="0.25">
      <c r="A6" s="1">
        <v>2</v>
      </c>
      <c r="B6" s="1" t="s">
        <v>14</v>
      </c>
    </row>
    <row r="7" spans="1:3" ht="199.5" x14ac:dyDescent="0.25">
      <c r="B7" s="3" t="s">
        <v>15</v>
      </c>
      <c r="C7" s="2" t="s">
        <v>3</v>
      </c>
    </row>
    <row r="8" spans="1:3" ht="28.5" x14ac:dyDescent="0.25">
      <c r="B8" s="3" t="s">
        <v>4</v>
      </c>
    </row>
    <row r="10" spans="1:3" ht="18" x14ac:dyDescent="0.25">
      <c r="A10" s="1">
        <v>3</v>
      </c>
      <c r="B10" s="1" t="s">
        <v>16</v>
      </c>
    </row>
    <row r="11" spans="1:3" ht="171" x14ac:dyDescent="0.25">
      <c r="B11" s="3" t="s">
        <v>17</v>
      </c>
      <c r="C11" s="2" t="s">
        <v>3</v>
      </c>
    </row>
    <row r="12" spans="1:3" ht="28.5" x14ac:dyDescent="0.25">
      <c r="B12" s="6" t="s">
        <v>4</v>
      </c>
    </row>
    <row r="14" spans="1:3" ht="18" x14ac:dyDescent="0.25">
      <c r="A14" s="1">
        <v>4</v>
      </c>
      <c r="B14" s="1" t="s">
        <v>18</v>
      </c>
    </row>
    <row r="15" spans="1:3" ht="185.25" x14ac:dyDescent="0.25">
      <c r="B15" s="3" t="s">
        <v>19</v>
      </c>
      <c r="C15" s="2" t="s">
        <v>3</v>
      </c>
    </row>
    <row r="16" spans="1:3" ht="28.5" x14ac:dyDescent="0.25">
      <c r="B16" s="6" t="s">
        <v>4</v>
      </c>
    </row>
    <row r="18" spans="1:3" ht="18" x14ac:dyDescent="0.25">
      <c r="A18" s="1">
        <v>5</v>
      </c>
      <c r="B18" s="1" t="s">
        <v>20</v>
      </c>
    </row>
    <row r="19" spans="1:3" ht="228" x14ac:dyDescent="0.25">
      <c r="B19" s="3" t="s">
        <v>21</v>
      </c>
      <c r="C19" s="2" t="s">
        <v>3</v>
      </c>
    </row>
    <row r="20" spans="1:3" ht="28.5" x14ac:dyDescent="0.25">
      <c r="B20" s="3" t="s">
        <v>4</v>
      </c>
    </row>
    <row r="22" spans="1:3" ht="18" x14ac:dyDescent="0.25">
      <c r="A22" s="1">
        <v>6</v>
      </c>
      <c r="B22" s="1" t="s">
        <v>22</v>
      </c>
    </row>
    <row r="23" spans="1:3" ht="242.25" x14ac:dyDescent="0.25">
      <c r="B23" s="3" t="s">
        <v>23</v>
      </c>
      <c r="C23" s="2" t="s">
        <v>3</v>
      </c>
    </row>
    <row r="24" spans="1:3" ht="28.5" x14ac:dyDescent="0.25">
      <c r="B24" s="3" t="s">
        <v>4</v>
      </c>
    </row>
    <row r="26" spans="1:3" ht="18" x14ac:dyDescent="0.25">
      <c r="A26" s="1">
        <v>7</v>
      </c>
      <c r="B26" s="1" t="s">
        <v>24</v>
      </c>
    </row>
    <row r="27" spans="1:3" ht="242.25" x14ac:dyDescent="0.25">
      <c r="B27" s="3" t="s">
        <v>25</v>
      </c>
      <c r="C27" s="2" t="s">
        <v>3</v>
      </c>
    </row>
    <row r="28" spans="1:3" ht="28.5" x14ac:dyDescent="0.25">
      <c r="B28" s="6" t="s">
        <v>4</v>
      </c>
    </row>
    <row r="30" spans="1:3" ht="18" x14ac:dyDescent="0.25">
      <c r="A30" s="1">
        <v>8</v>
      </c>
      <c r="B30" s="1" t="s">
        <v>26</v>
      </c>
    </row>
    <row r="31" spans="1:3" ht="256.5" x14ac:dyDescent="0.25">
      <c r="B31" s="3" t="s">
        <v>27</v>
      </c>
      <c r="C31" s="2" t="s">
        <v>3</v>
      </c>
    </row>
    <row r="32" spans="1:3" ht="28.5" x14ac:dyDescent="0.25">
      <c r="B32" s="3" t="s">
        <v>4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CD96FD2-7B7C-4E67-A138-CA8458020614}">
  <ds:schemaRefs/>
</ds:datastoreItem>
</file>

<file path=customXml/itemProps2.xml><?xml version="1.0" encoding="utf-8"?>
<ds:datastoreItem xmlns:ds="http://schemas.openxmlformats.org/officeDocument/2006/customXml" ds:itemID="{65743304-81BF-4E29-8A77-AC4BCD2A8B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Naslovnica</vt:lpstr>
      <vt:lpstr>Standard Plus krovni prozori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6-03-02T07:00:20Z</dcterms:created>
  <dcterms:modified xsi:type="dcterms:W3CDTF">2026-03-04T13:09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lux</vt:lpwstr>
  </property>
  <property fmtid="{D5CDD505-2E9C-101B-9397-08002B2CF9AE}" pid="3" name="TemplafyTemplateId">
    <vt:lpwstr>1104021679173009413</vt:lpwstr>
  </property>
  <property fmtid="{D5CDD505-2E9C-101B-9397-08002B2CF9AE}" pid="4" name="TemplafyUserProfileId">
    <vt:lpwstr>1238976345832685580</vt:lpwstr>
  </property>
  <property fmtid="{D5CDD505-2E9C-101B-9397-08002B2CF9AE}" pid="5" name="TemplafyLanguageCode">
    <vt:lpwstr>hr-HR</vt:lpwstr>
  </property>
  <property fmtid="{D5CDD505-2E9C-101B-9397-08002B2CF9AE}" pid="6" name="TemplafyFromBlank">
    <vt:bool>true</vt:bool>
  </property>
</Properties>
</file>